
<file path=[Content_Types].xml><?xml version="1.0" encoding="utf-8"?>
<Types xmlns="http://schemas.openxmlformats.org/package/2006/content-types">
  <Default ContentType="application/vnd.openxmlformats-package.relationships+xml" Extension="rels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wordprocessingml.document.main+xml" PartName="/word/document.xml"/>
  <Override ContentType="application/vnd.openxmlformats-officedocument.wordprocessingml.settings+xml" PartName="/word/settings.xml"/>
</Types>
</file>

<file path=_rels/.rels><?xml version="1.0" encoding="UTF-8" standalone="no"?><Relationships xmlns="http://schemas.openxmlformats.org/package/2006/relationships"><Relationship Id="rId1" Target="word/document.xml" Type="http://schemas.openxmlformats.org/officeDocument/2006/relationships/officeDocument"/><Relationship Id="rId2" Target="docProps/app.xml" Type="http://schemas.openxmlformats.org/officeDocument/2006/relationships/extended-properties"/><Relationship Id="rId3" Target="docProps/core.xml" Type="http://schemas.openxmlformats.org/package/2006/relationships/metadata/core-properties"/></Relationships>
</file>

<file path=word/document.xml><?xml version="1.0" encoding="utf-8"?>
<w:document xmlns:w="http://schemas.openxmlformats.org/wordprocessingml/2006/main">
  <w:body>
    <w:p>
      <w:r/>
    </w:p>
    <w:p>
      <w:pPr>
        <w:jc w:val="left"/>
      </w:pPr>
      <w:r/>
      <w:r>
        <w:rPr>
          <w:rFonts w:ascii="Arial" w:hAnsi="Arial" w:cs="Arial" w:eastAsia="Arial"/>
          <w:b w:val="true"/>
          <w:color w:val="000000"/>
          <w:sz w:val="28"/>
        </w:rPr>
        <w:t/>
        <w:cr/>
        <w:t>General Linear Model</w:t>
        <w:cr/>
      </w:r>
    </w:p>
    <w:p>
      <w:r/>
    </w:p>
    <w:tbl>
      <w:tblPr>
        <w:tblW w:w="0" w:type="auto"/>
        <w:jc w:val="left"/>
        <w:tblLayout w:type="fixed"/>
      </w:tblPr>
      <w:tblGrid>
        <w:gridCol w:w="2448"/>
        <w:gridCol w:w="2788"/>
        <w:gridCol w:w="2754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No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Output Created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8-APR-2024 20:20:17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mments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pu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at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:\Users\s1155157933\Downloads\MAIN-FULL_sb-win-size-5 (1).sav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ctive Datase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ataSet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ilter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eigh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plit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N of Rows in Working Data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Missing Value Handling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finition of Missing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User-defined missing values are treated as missing.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ases Used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Statistics are based on all cases with valid data for all variables in the model.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yntax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GLM 分裂_Semantic_Breadth 阴谋_Semantic_Breadth 主权_Semantic_Breadth 恐怖主义_Semantic_Breadth WITH Harm</w:t>
              <w:br/>
              <w:t>Fairness Ingroup Authority Purity</w:t>
              <w:br/>
              <w:t>/METHOD=SSTYPE(3)</w:t>
              <w:br/>
              <w:t>/INTERCEPT=INCLUDE</w:t>
              <w:br/>
              <w:t>/PRINT=DESCRIPTIVE ETASQ PARAMETER</w:t>
              <w:br/>
              <w:t>/CRITERIA=ALPHA(.05)</w:t>
              <w:br/>
              <w:t>/DESIGN=Harm Fairness Ingroup Authority Purity.</w:t>
              <w:br/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esource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rocessor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2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lapsed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2</w:t>
            </w:r>
          </w:p>
        </w:tc>
      </w:tr>
    </w:tbl>
    <w:p>
      <w:pPr>
        <w:spacing w:before="200"/>
        <w:jc w:val="left"/>
      </w:pPr>
      <w:r/>
      <w:r>
        <w:rPr>
          <w:rFonts w:ascii="Courier New" w:hAnsi="Courier New" w:cs="Courier New" w:eastAsia="Courier New"/>
          <w:color w:val="000000"/>
          <w:sz w:val="24"/>
        </w:rPr>
        <w:t/>
        <w:cr/>
        <w:t>[DataSet1] C:\Users\s1155157933\Downloads\MAIN-FULL_sb-win-size-5 (1).sav</w:t>
        <w:cr/>
      </w:r>
    </w:p>
    <w:p>
      <w:r/>
    </w:p>
    <w:tbl>
      <w:tblPr>
        <w:tblW w:w="0" w:type="auto"/>
        <w:jc w:val="left"/>
        <w:tblLayout w:type="fixed"/>
      </w:tblPr>
      <w:tblGrid>
        <w:gridCol w:w="2788"/>
        <w:gridCol w:w="1666"/>
        <w:gridCol w:w="1666"/>
        <w:gridCol w:w="115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Descriptive Statistic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none" w:sz="1" w:color="152935"/>
              <w:left w:val="none" w:sz="1" w:color="152935"/>
              <w:bottom w:val="singl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Mean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td. Deviation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N</w:t>
            </w:r>
          </w:p>
        </w:tc>
      </w:tr>
      <w:tr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分裂_Semantic_Breadth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448926789426312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8639705863932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</w:tr>
      <w:tr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阴谋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49908387250827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47654056072201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</w:tr>
      <w:tr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主权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381772433830518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50812332258417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</w:tr>
      <w:tr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恐怖主义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414914019103234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8561145774832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4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1819"/>
        <w:gridCol w:w="1139"/>
        <w:gridCol w:w="1139"/>
        <w:gridCol w:w="1428"/>
        <w:gridCol w:w="1139"/>
        <w:gridCol w:w="1139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basicThinLines" w:sz="1" w:color="000000"/>
              <w:left w:val="none" w:sz="1" w:color="000000"/>
              <w:bottom w:val="basicThinLines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ffect</w:t>
            </w:r>
          </w:p>
        </w:tc>
        <w:tc>
          <w:tcPr>
            <w:hMerge w:val="continue"/>
            <w:tcBorders>
              <w:top w:val="basicThinLines" w:sz="1" w:color="000000"/>
              <w:left w:val="none" w:sz="1" w:color="000000"/>
              <w:bottom w:val="basicThinLines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Valu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ypothesis 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rror 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ig.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42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6.78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42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5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6.78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42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34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6.78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42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34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6.78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42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.31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4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.31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3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.31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3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.31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5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63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6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63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63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63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center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2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9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69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9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69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9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5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69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9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5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697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94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37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37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5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37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5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37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6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0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9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0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0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08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5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3</w:t>
            </w:r>
          </w:p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. Design: Intercept + Harm + Fairness + Ingroup + Authority + Purity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. Exact statistic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632"/>
        <w:gridCol w:w="2431"/>
        <w:gridCol w:w="1632"/>
        <w:gridCol w:w="1139"/>
        <w:gridCol w:w="1309"/>
        <w:gridCol w:w="1139"/>
        <w:gridCol w:w="1139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Tests of Between-Subjects Effect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ource</w:t>
            </w:r>
          </w:p>
        </w:tc>
        <w:tc>
          <w:tcPr>
            <w:tcBorders>
              <w:top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ependent Variabl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Type III Sum of Squares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Mean Squar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ig.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Corrected Model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2</w:t>
            </w:r>
            <w:r>
              <w:rPr>
                <w:vertAlign w:val="superscript"/>
              </w:rPr>
              <w:t>a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06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5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92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0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.0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1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7</w:t>
            </w:r>
            <w:r>
              <w:rPr>
                <w:vertAlign w:val="superscript"/>
              </w:rPr>
              <w:t>c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5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20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0</w:t>
            </w:r>
            <w:r>
              <w:rPr>
                <w:vertAlign w:val="superscript"/>
              </w:rPr>
              <w:t>d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48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4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43.46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9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6.6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6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2.5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5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9.54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02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7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8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2.93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7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9.03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3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1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3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6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4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21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.9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07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19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6.06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3.5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6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2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77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517E-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517E-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6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5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38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8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3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rror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Total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2.43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8.97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4.1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8.15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Corrected Total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分裂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阴谋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主权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恐怖主义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. R Squared = .192 (Adjusted R Squared = .086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. R Squared = .514 (Adjusted R Squared = .450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c. R Squared = .420 (Adjusted R Squared = .344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. R Squared = .314 (Adjusted R Squared = .224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853"/>
        <w:gridCol w:w="1071"/>
        <w:gridCol w:w="1139"/>
        <w:gridCol w:w="1139"/>
        <w:gridCol w:w="1139"/>
        <w:gridCol w:w="1139"/>
        <w:gridCol w:w="1360"/>
        <w:gridCol w:w="1377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Parameter Estimates for the Semantic Breadth of the Nationalism-Related Concept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ameter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td. Error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t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p</w:t>
            </w:r>
          </w:p>
        </w:tc>
        <w:tc>
          <w:tcPr>
            <w:h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5% Confidence Interval</w:t>
            </w:r>
          </w:p>
        </w:tc>
        <w:tc>
          <w:tcPr>
            <w:h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Lower Bound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Upper Bound</w:t>
            </w:r>
          </w:p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ecession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59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7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1.978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461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056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91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8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8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0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6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48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5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51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7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7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9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5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7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Conspirac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3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.75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4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5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6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78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7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5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4.0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66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97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5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overeign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39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.5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6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5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36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3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28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3.67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6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6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5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9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Terroris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7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.46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55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0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4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1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0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4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48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3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94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3</w:t>
            </w:r>
          </w:p>
        </w:tc>
      </w:tr>
    </w:tbl>
    <w:sectPr>
      <w:pgSz w:h="11904" w:w="16836" w:orient="landscape"/>
      <w:pgMar w:left="1440" w:top="1440" w:right="1440" w:bottom="1440"/>
    </w:sectPr>
  </w:body>
</w:document>
</file>

<file path=word/settings.xml><?xml version="1.0" encoding="utf-8"?>
<w:settings xmlns:w="http://schemas.openxmlformats.org/wordprocessingml/2006/main"/>
</file>

<file path=word/_rels/document.xml.rels><?xml version="1.0" encoding="UTF-8" standalone="no"?><Relationships xmlns="http://schemas.openxmlformats.org/package/2006/relationships"><Relationship Id="rId1" Target="settings.xml" Type="http://schemas.openxmlformats.org/officeDocument/2006/relationships/settings"/></Relationships>
</file>

<file path=docProps/app.xml><?xml version="1.0" encoding="utf-8"?>
<Properties xmlns="http://schemas.openxmlformats.org/officeDocument/2006/extended-properties">
  <Application>Apache POI</Applicat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>
  <dcterms:created xsi:type="dcterms:W3CDTF">2024-04-28T12:33:05Z</dcterms:created>
  <dc:creator>IBM SPSS Statistics</dc:creator>
</cp:coreProperties>
</file>